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dinrsvm01\userdata\s00150\Desktop\20181210152804\"/>
    </mc:Choice>
  </mc:AlternateContent>
  <bookViews>
    <workbookView xWindow="0" yWindow="0" windowWidth="26820" windowHeight="8175"/>
  </bookViews>
  <sheets>
    <sheet name="shimanepref_camp201811" sheetId="1" r:id="rId1"/>
  </sheets>
  <definedNames>
    <definedName name="_xlnm._FilterDatabase" localSheetId="0" hidden="1">shimanepref_camp201811!$A$1:$O$58</definedName>
  </definedNames>
  <calcPr calcId="0"/>
</workbook>
</file>

<file path=xl/sharedStrings.xml><?xml version="1.0" encoding="utf-8"?>
<sst xmlns="http://schemas.openxmlformats.org/spreadsheetml/2006/main" count="640" uniqueCount="269">
  <si>
    <t>名称</t>
  </si>
  <si>
    <t>市町村</t>
  </si>
  <si>
    <t>オートキャンプ</t>
  </si>
  <si>
    <t>常設テント</t>
  </si>
  <si>
    <t>サイトの電源</t>
  </si>
  <si>
    <t>ペット</t>
  </si>
  <si>
    <t>シャワー</t>
  </si>
  <si>
    <t>ランドリー</t>
  </si>
  <si>
    <t>キャンプ場URL</t>
  </si>
  <si>
    <t>コード</t>
  </si>
  <si>
    <t>琴引ビレッジ山荘</t>
  </si>
  <si>
    <t>飯南町</t>
  </si>
  <si>
    <t>有</t>
  </si>
  <si>
    <t>無</t>
  </si>
  <si>
    <t>可</t>
  </si>
  <si>
    <t>http://village.kotobiki.co.jp/33.html</t>
  </si>
  <si>
    <t>0854-72-1035</t>
  </si>
  <si>
    <t>星がきれいな所で山荘には温泉もあり。スキー場前なので冬はログハウスに宿泊するもよし。</t>
  </si>
  <si>
    <t>三瓶山北の原キャンプ場</t>
  </si>
  <si>
    <t>大田市</t>
  </si>
  <si>
    <t>http://www.nature-sanbe.jp/camp/</t>
  </si>
  <si>
    <t>0854-86-0152</t>
  </si>
  <si>
    <t>島根県初の試みとして「グランピング」を期間限定で実施中、 サヒメル＆三瓶バーガー前で観光に便利です。</t>
  </si>
  <si>
    <t>マリンパーク多古鼻</t>
  </si>
  <si>
    <t>松江市</t>
  </si>
  <si>
    <t>島根町多古</t>
  </si>
  <si>
    <t>0852-85-3387</t>
  </si>
  <si>
    <t>オオシャンビューで気持ち良く、日出や夕日も楽しめる。お風呂からの日本海の眺めも最高！</t>
  </si>
  <si>
    <t>平田森林公園キャンプ場</t>
  </si>
  <si>
    <t>出雲市</t>
  </si>
  <si>
    <t>東福町</t>
  </si>
  <si>
    <t>0853-63-5536</t>
  </si>
  <si>
    <t>耳浦キャンプ場</t>
  </si>
  <si>
    <t>西ノ島町</t>
  </si>
  <si>
    <t>耳浦</t>
  </si>
  <si>
    <t>https://nkk-oki.com/japan/camping/</t>
  </si>
  <si>
    <t>08514-7-8888</t>
  </si>
  <si>
    <t>海がきれいなキャンプ場です</t>
  </si>
  <si>
    <t>松江市宍道ふるさと森林公園</t>
  </si>
  <si>
    <t>宍道町佐々布</t>
  </si>
  <si>
    <t>http://www.forestpark.or.jp/</t>
  </si>
  <si>
    <t>0852-66-2500</t>
  </si>
  <si>
    <t>明石緑が丘公園</t>
  </si>
  <si>
    <t>雲南市</t>
  </si>
  <si>
    <t>0854-45-5678</t>
  </si>
  <si>
    <t>バーベキューハウス、パークゴルフ場、グラウンド等が併設されている。</t>
  </si>
  <si>
    <t>十神山キャンプ場</t>
  </si>
  <si>
    <t>安来市</t>
  </si>
  <si>
    <t>安来町</t>
  </si>
  <si>
    <t>0854-23-3321</t>
  </si>
  <si>
    <t>中海に沈む夕日がとても綺麗で、幻想的</t>
  </si>
  <si>
    <t>星上山スターパーク</t>
  </si>
  <si>
    <t>八雲町</t>
  </si>
  <si>
    <t>景色がきれい。山の上にあるのでとても静かです。</t>
  </si>
  <si>
    <t>わかあゆの里</t>
  </si>
  <si>
    <t>乙立町</t>
  </si>
  <si>
    <t>http://wakaayu-izumo.jp/</t>
  </si>
  <si>
    <t>0853-45-0102</t>
  </si>
  <si>
    <t>珍しい朝食付きキャンプ場、周りに自然しかないことが逆に素晴らしい高規格キャンプ場です。</t>
  </si>
  <si>
    <t>見晴らしの丘公園キララコテージ</t>
  </si>
  <si>
    <t>https://www.kirara-cottage.jp/</t>
  </si>
  <si>
    <t>飯南町ふるさとの森キャンプ場</t>
  </si>
  <si>
    <t>http://www.iinan-net.jp/~morinosu/</t>
  </si>
  <si>
    <t>0854-76-3119</t>
  </si>
  <si>
    <t>うさぎ森林公園　夢の森うさぎ</t>
  </si>
  <si>
    <t>http://www.goennet.ne.jp/~yumenomori/</t>
  </si>
  <si>
    <t>0853-53-6060</t>
  </si>
  <si>
    <t>健康の森</t>
  </si>
  <si>
    <t>0854-42-2623</t>
  </si>
  <si>
    <t>カヌーの里おおちオートキャンプ場</t>
  </si>
  <si>
    <t>美郷町</t>
  </si>
  <si>
    <t>http://www.shimane-misato.jp/</t>
  </si>
  <si>
    <t>0855-75-1860</t>
  </si>
  <si>
    <t>小波キャンプ場</t>
  </si>
  <si>
    <t>島根町野波</t>
  </si>
  <si>
    <t>http://www.mable.ne.jp/~ic/</t>
  </si>
  <si>
    <t>050-5204-8730</t>
  </si>
  <si>
    <t>山佐ダムキャンプ場</t>
  </si>
  <si>
    <t>0854-35-0129</t>
  </si>
  <si>
    <t>田の浦公園オートキャンプ場</t>
  </si>
  <si>
    <t>浜田市</t>
  </si>
  <si>
    <t>三隅町西河内</t>
  </si>
  <si>
    <t>http://www.aqua-misumi.jp/camping_site/</t>
  </si>
  <si>
    <t>0855-32-0080</t>
  </si>
  <si>
    <t>吉賀町</t>
  </si>
  <si>
    <t>下高尻</t>
  </si>
  <si>
    <t>http://www.iwami.or.jp/sunm/</t>
  </si>
  <si>
    <t>0856-77-1494</t>
  </si>
  <si>
    <t>不可</t>
    <rPh sb="0" eb="2">
      <t>フカ</t>
    </rPh>
    <phoneticPr fontId="18"/>
  </si>
  <si>
    <t>https://www.takobana.com/</t>
  </si>
  <si>
    <t>有（炊事場の電源を利用）</t>
    <rPh sb="2" eb="5">
      <t>スイジバ</t>
    </rPh>
    <rPh sb="6" eb="8">
      <t>デンゲン</t>
    </rPh>
    <rPh sb="9" eb="11">
      <t>リヨウ</t>
    </rPh>
    <phoneticPr fontId="18"/>
  </si>
  <si>
    <t>http://www.akashi-midori.com/establishment/camp.html</t>
  </si>
  <si>
    <t>http://www.starpark.jp/</t>
  </si>
  <si>
    <t>0852-54-2450</t>
  </si>
  <si>
    <t>http://www.yasugi-kankou.com/index.php?view=5240</t>
  </si>
  <si>
    <t>https://unnan-ud.com/forest/</t>
  </si>
  <si>
    <t>http://www.yamabiko-yamasa.jp/2p.html</t>
  </si>
  <si>
    <t>菰沢公園オートキャンプ場</t>
  </si>
  <si>
    <t>江津市</t>
  </si>
  <si>
    <t>浅利町1627-3</t>
  </si>
  <si>
    <t>https://gotsu-kanko.jp/kankou/camp/komosawacamp</t>
  </si>
  <si>
    <t>0855-55-1188</t>
  </si>
  <si>
    <t>島根鼻公園オートキャンプ場</t>
  </si>
  <si>
    <t>08514-6-0023</t>
  </si>
  <si>
    <t>https://www.oki-katsugyo.jp/</t>
    <phoneticPr fontId="18"/>
  </si>
  <si>
    <t>広瀬町上山佐1397-2</t>
    <phoneticPr fontId="18"/>
  </si>
  <si>
    <t>亀村54-1</t>
    <phoneticPr fontId="18"/>
  </si>
  <si>
    <t>木次町西日登2542-2</t>
    <phoneticPr fontId="18"/>
  </si>
  <si>
    <t>大社町鷲浦1013-1</t>
    <phoneticPr fontId="18"/>
  </si>
  <si>
    <t>小田842-2</t>
    <phoneticPr fontId="18"/>
  </si>
  <si>
    <t>多伎町久村182-1</t>
    <phoneticPr fontId="18"/>
  </si>
  <si>
    <t>三刀屋町坂本870</t>
    <phoneticPr fontId="18"/>
  </si>
  <si>
    <t>佐見1199番地3</t>
    <phoneticPr fontId="18"/>
  </si>
  <si>
    <t>万葉公園オートキャンプ場</t>
    <phoneticPr fontId="18"/>
  </si>
  <si>
    <t>益田市</t>
  </si>
  <si>
    <t>高津町イ2402-1</t>
  </si>
  <si>
    <t>http://ohata.jp/manyou/publics/index/67/</t>
  </si>
  <si>
    <t>0856-22-2133</t>
  </si>
  <si>
    <t>立久恵峡わかあゆの里キャンプ場</t>
  </si>
  <si>
    <t>出雲市</t>
    <phoneticPr fontId="18"/>
  </si>
  <si>
    <t>乙立町5263-14</t>
  </si>
  <si>
    <t>みと自然の森</t>
  </si>
  <si>
    <t>美都町都茂2654</t>
  </si>
  <si>
    <t>https://www.sizennomori.co.jp/</t>
  </si>
  <si>
    <t>0856-52-2212</t>
  </si>
  <si>
    <t>無（近くに温泉浴場有）</t>
    <rPh sb="2" eb="3">
      <t>チカ</t>
    </rPh>
    <rPh sb="5" eb="7">
      <t>オンセン</t>
    </rPh>
    <rPh sb="7" eb="9">
      <t>ヨクジョウ</t>
    </rPh>
    <rPh sb="9" eb="10">
      <t>アリ</t>
    </rPh>
    <phoneticPr fontId="18"/>
  </si>
  <si>
    <t>三瓶町多根1121-1</t>
  </si>
  <si>
    <t>琴引フォレストパークキャンプ場</t>
  </si>
  <si>
    <t>佐見1199-3</t>
  </si>
  <si>
    <t>0853-86-9088</t>
    <phoneticPr fontId="18"/>
  </si>
  <si>
    <t>島根県立石見海浜公園</t>
  </si>
  <si>
    <t>久代町1117-2</t>
  </si>
  <si>
    <t>http://kkisp.jp/</t>
  </si>
  <si>
    <t>0855-28-2231</t>
  </si>
  <si>
    <t>邑南町青少年旅行村オートキャンプ場</t>
  </si>
  <si>
    <t>http://www.mizuhoresort.co.jp/ohnan-ryokoumura/camp</t>
  </si>
  <si>
    <t>邑南町</t>
  </si>
  <si>
    <t>山田443-2</t>
  </si>
  <si>
    <t>0855-83-0221</t>
  </si>
  <si>
    <t>桂島キャンプ場</t>
  </si>
  <si>
    <t>https://www.kankou-matsue.jp/shimanecho/kan-kazurashi.html</t>
  </si>
  <si>
    <t>0852-55-5722</t>
  </si>
  <si>
    <t>島根町加賀1175-1</t>
  </si>
  <si>
    <t>十神山なぎさ公園</t>
  </si>
  <si>
    <t>安来町2273-1</t>
  </si>
  <si>
    <t>立木キャンプ場</t>
  </si>
  <si>
    <t>08512-2-3848</t>
  </si>
  <si>
    <t>海洋スポーツセンターキャンプ場</t>
  </si>
  <si>
    <t>http://www.town.okinoshima.shimane.jp/www/contents/1466641811961/index.html</t>
  </si>
  <si>
    <t>08512-6-2050</t>
  </si>
  <si>
    <t>中村キャンプ場</t>
  </si>
  <si>
    <t>08512-4-0611</t>
  </si>
  <si>
    <t>ミモザキャンプ場（浄土ヶ浦野営場）</t>
  </si>
  <si>
    <t>ジオリゾートシンフォニー</t>
  </si>
  <si>
    <t>吉浦野営場</t>
  </si>
  <si>
    <t>人気スポットローソク島に近い風光明媚な海岸と夕日がきれいなキャンプ場</t>
  </si>
  <si>
    <t>08512-5-2475</t>
  </si>
  <si>
    <t>08512-7-4009</t>
  </si>
  <si>
    <t>島の観光地の一つ「浄土ヶ浦海岸」へ車で5分</t>
  </si>
  <si>
    <t>http://www.town.okinoshima.shimane.jp/www/sp/contents/1001000000132/index.html</t>
  </si>
  <si>
    <t>矢上8529-1</t>
  </si>
  <si>
    <t>深篠川キャンプ場</t>
  </si>
  <si>
    <t>井原断魚</t>
  </si>
  <si>
    <t>090-3376-9725</t>
  </si>
  <si>
    <t>0855-95-3505</t>
  </si>
  <si>
    <t>http://ikoi-shimane.com/ikoi/</t>
  </si>
  <si>
    <t>香木の森公園（バンガロー）</t>
    <phoneticPr fontId="18"/>
  </si>
  <si>
    <t>入口がわかりづらく、ターゲットバードゴルフ場入口を目指してください。</t>
    <phoneticPr fontId="18"/>
  </si>
  <si>
    <t>http://www.ohnan-kanko.com/kanko/spot/camp.html#camp</t>
  </si>
  <si>
    <t>http://uenodai.jp/</t>
  </si>
  <si>
    <t>0854-38-0022</t>
  </si>
  <si>
    <t>伯太町赤屋</t>
  </si>
  <si>
    <t>上の台緑の村</t>
    <phoneticPr fontId="18"/>
  </si>
  <si>
    <t>テントサイト</t>
    <phoneticPr fontId="18"/>
  </si>
  <si>
    <t>海辺が近く子供と一緒に遊べます。駐車場が無料。トイレが綺麗。遊歩道有り。</t>
    <rPh sb="0" eb="2">
      <t>ウミベ</t>
    </rPh>
    <rPh sb="3" eb="4">
      <t>チカ</t>
    </rPh>
    <rPh sb="5" eb="7">
      <t>コドモ</t>
    </rPh>
    <rPh sb="8" eb="10">
      <t>イッショ</t>
    </rPh>
    <rPh sb="11" eb="12">
      <t>アソ</t>
    </rPh>
    <rPh sb="16" eb="19">
      <t>チュウシャジョウ</t>
    </rPh>
    <rPh sb="20" eb="22">
      <t>ムリョウ</t>
    </rPh>
    <rPh sb="27" eb="29">
      <t>キレイ</t>
    </rPh>
    <rPh sb="30" eb="33">
      <t>ユウホドウ</t>
    </rPh>
    <rPh sb="33" eb="34">
      <t>アリ</t>
    </rPh>
    <phoneticPr fontId="18"/>
  </si>
  <si>
    <t>松江市から程近い、大自然一杯のキャンプ場。コテージも有ります。</t>
    <phoneticPr fontId="18"/>
  </si>
  <si>
    <t>吊り橋が綺麗。川辺が近い。温泉と鮎料理のお店有り。</t>
    <rPh sb="0" eb="1">
      <t>ツ</t>
    </rPh>
    <rPh sb="2" eb="3">
      <t>バシ</t>
    </rPh>
    <rPh sb="4" eb="6">
      <t>キレイ</t>
    </rPh>
    <rPh sb="7" eb="9">
      <t>カワベ</t>
    </rPh>
    <rPh sb="10" eb="11">
      <t>チカ</t>
    </rPh>
    <rPh sb="13" eb="15">
      <t>オンセン</t>
    </rPh>
    <rPh sb="16" eb="17">
      <t>アユ</t>
    </rPh>
    <rPh sb="17" eb="19">
      <t>リョウリ</t>
    </rPh>
    <rPh sb="21" eb="22">
      <t>ミセ</t>
    </rPh>
    <rPh sb="22" eb="23">
      <t>アリ</t>
    </rPh>
    <phoneticPr fontId="18"/>
  </si>
  <si>
    <t>あいらんどパークキャンプ場</t>
  </si>
  <si>
    <t>08512-6-2715</t>
  </si>
  <si>
    <t>明屋海岸キャンプ場</t>
  </si>
  <si>
    <t>08514-2-0101</t>
  </si>
  <si>
    <t>http://www.town.ama.shimane.jp/kankoh/spot/post-43.html</t>
  </si>
  <si>
    <t>渡津キャンプ場</t>
  </si>
  <si>
    <t>http://www.yoshida-green.jp/</t>
  </si>
  <si>
    <t>吉田グリーンシャワーの森</t>
  </si>
  <si>
    <t>吉田町吉田4152-1</t>
  </si>
  <si>
    <t>0854-74-0210</t>
  </si>
  <si>
    <t>かみくの桃源郷</t>
  </si>
  <si>
    <t>大東町上久野383-2</t>
  </si>
  <si>
    <t>http://user.yoitoko.jp/togenkyo/</t>
  </si>
  <si>
    <t>0854-47-0217</t>
  </si>
  <si>
    <t>匹見峡レストパークキャンプ場</t>
  </si>
  <si>
    <t>匹見町匹見</t>
  </si>
  <si>
    <t>http://www.iwami.or.jp/yasuragi/rest_park/</t>
  </si>
  <si>
    <t>0856-56-0341</t>
  </si>
  <si>
    <t>高尻川リバーサイドログハウス村</t>
  </si>
  <si>
    <t>右ヶ谷キャンプ場</t>
  </si>
  <si>
    <t>http://www.all-iwami.com/modules/guide/index.php?action=SpotView&amp;spot_id=342</t>
  </si>
  <si>
    <t>柿木村椛谷右ヶ谷</t>
  </si>
  <si>
    <t>0856-79-2213</t>
  </si>
  <si>
    <t>ゴキの郷ログハウス村</t>
  </si>
  <si>
    <t>上高尻1038-1</t>
  </si>
  <si>
    <t>飯田立木</t>
    <phoneticPr fontId="18"/>
  </si>
  <si>
    <t>隠岐の島町</t>
  </si>
  <si>
    <t>隠岐の島町</t>
    <phoneticPr fontId="18"/>
  </si>
  <si>
    <t>津戸1537-1海洋スポーツセンター</t>
  </si>
  <si>
    <t>中村</t>
  </si>
  <si>
    <t>布施75</t>
  </si>
  <si>
    <t>卯敷1004</t>
  </si>
  <si>
    <t>久見</t>
  </si>
  <si>
    <t>津戸896</t>
  </si>
  <si>
    <t>海士町</t>
    <rPh sb="0" eb="3">
      <t>アマチョウ</t>
    </rPh>
    <phoneticPr fontId="18"/>
  </si>
  <si>
    <t>豊田</t>
    <phoneticPr fontId="18"/>
  </si>
  <si>
    <t>知夫村</t>
    <phoneticPr fontId="18"/>
  </si>
  <si>
    <t>島津島</t>
    <phoneticPr fontId="18"/>
  </si>
  <si>
    <t>枕瀬山キャンプ場</t>
  </si>
  <si>
    <t>http://www.sun-net.jp/~shizen/kyanp.html</t>
  </si>
  <si>
    <t>目田森林公園</t>
  </si>
  <si>
    <t>佐田町反辺1141-4</t>
  </si>
  <si>
    <t>http://www.meda-park.com/index.html</t>
  </si>
  <si>
    <t>0853-84-0805</t>
  </si>
  <si>
    <t>0856-74-1143</t>
  </si>
  <si>
    <t>忌部自然休養村</t>
  </si>
  <si>
    <t>西忌部町2431</t>
  </si>
  <si>
    <t>https://www.kankou-shimane.com/ja/spot/detail/4026</t>
  </si>
  <si>
    <t>0852-33-2351</t>
  </si>
  <si>
    <t>奥出雲町</t>
  </si>
  <si>
    <t>大馬木</t>
  </si>
  <si>
    <t>三井野原オートキャンプ場</t>
  </si>
  <si>
    <t>八川三井野3137-2</t>
  </si>
  <si>
    <t>0854-52-3100</t>
  </si>
  <si>
    <t>https://www.kankou-shimane.com/ja/spot/detail/2502</t>
  </si>
  <si>
    <t>温泉津町温泉津</t>
  </si>
  <si>
    <t>0855-65-2669</t>
  </si>
  <si>
    <t>http://www.all-iwami.com/modules/guide/index.php?action=SpotView&amp;spot_id=332&amp;cat_id=7</t>
  </si>
  <si>
    <t>さひめ湖キャンプ場</t>
  </si>
  <si>
    <t>0854-86-0727</t>
  </si>
  <si>
    <t>三瓶町野城</t>
  </si>
  <si>
    <t>有</t>
    <phoneticPr fontId="18"/>
  </si>
  <si>
    <t>道猿坊公園キャンプ場</t>
  </si>
  <si>
    <t xml:space="preserve">弥栄村木都賀ハ25 </t>
  </si>
  <si>
    <t>http://www.all-iwami.com/modules/guide/index.php?action=SpotView&amp;spot_id=326</t>
  </si>
  <si>
    <t>0855-32-0080</t>
    <phoneticPr fontId="18"/>
  </si>
  <si>
    <t>天王山キャンプ場</t>
  </si>
  <si>
    <t>0853-21-0948</t>
  </si>
  <si>
    <t>http://www.city.izumo.shimane.jp/www/contents/1296518550848/html/common/5bb4654d015.html</t>
  </si>
  <si>
    <t>出雲市</t>
    <phoneticPr fontId="18"/>
  </si>
  <si>
    <t>矢尾町799</t>
  </si>
  <si>
    <t>他の利用者の迷惑にならなければ可</t>
    <rPh sb="0" eb="1">
      <t>ホカ</t>
    </rPh>
    <rPh sb="2" eb="5">
      <t>リヨウシャ</t>
    </rPh>
    <rPh sb="6" eb="8">
      <t>メイワク</t>
    </rPh>
    <rPh sb="15" eb="16">
      <t>カ</t>
    </rPh>
    <phoneticPr fontId="18"/>
  </si>
  <si>
    <t>吾妻山大膳原キャンプ場</t>
    <phoneticPr fontId="18"/>
  </si>
  <si>
    <t>0854-54-1221</t>
    <phoneticPr fontId="18"/>
  </si>
  <si>
    <t>櫛島キャンプ場</t>
    <phoneticPr fontId="18"/>
  </si>
  <si>
    <t>津和野町</t>
    <rPh sb="3" eb="4">
      <t>チョウ</t>
    </rPh>
    <phoneticPr fontId="18"/>
  </si>
  <si>
    <t>枕瀬</t>
    <phoneticPr fontId="18"/>
  </si>
  <si>
    <t>浦郷544-38</t>
    <phoneticPr fontId="18"/>
  </si>
  <si>
    <t>08512-7-4311</t>
    <phoneticPr fontId="18"/>
  </si>
  <si>
    <t>有（管理棟の洗濯機を利用可）</t>
    <rPh sb="2" eb="4">
      <t>カンリ</t>
    </rPh>
    <rPh sb="4" eb="5">
      <t>トウ</t>
    </rPh>
    <rPh sb="6" eb="9">
      <t>センタクキ</t>
    </rPh>
    <rPh sb="10" eb="12">
      <t>リヨウ</t>
    </rPh>
    <rPh sb="12" eb="13">
      <t>カ</t>
    </rPh>
    <phoneticPr fontId="18"/>
  </si>
  <si>
    <t>ふれあい公園笹遊里</t>
    <rPh sb="4" eb="6">
      <t>コウエン</t>
    </rPh>
    <rPh sb="6" eb="7">
      <t>ササ</t>
    </rPh>
    <rPh sb="7" eb="8">
      <t>アソ</t>
    </rPh>
    <rPh sb="8" eb="9">
      <t>サト</t>
    </rPh>
    <phoneticPr fontId="18"/>
  </si>
  <si>
    <t>川本町</t>
    <rPh sb="0" eb="2">
      <t>カワモト</t>
    </rPh>
    <rPh sb="2" eb="3">
      <t>チョウ</t>
    </rPh>
    <phoneticPr fontId="18"/>
  </si>
  <si>
    <t>https://www.kimura-farm.jp/sasayuri/</t>
  </si>
  <si>
    <t>川下3005-2</t>
  </si>
  <si>
    <t>0855-72-1311</t>
  </si>
  <si>
    <t>https://oki-hotels.com/</t>
  </si>
  <si>
    <t>コテージ、ログハウス有</t>
    <rPh sb="10" eb="11">
      <t>アリ</t>
    </rPh>
    <phoneticPr fontId="18"/>
  </si>
  <si>
    <t>連絡先電話番号</t>
    <phoneticPr fontId="18"/>
  </si>
  <si>
    <t>市町村コード</t>
    <rPh sb="0" eb="3">
      <t>シチョウソン</t>
    </rPh>
    <phoneticPr fontId="18"/>
  </si>
  <si>
    <t>おススメのポイント</t>
    <phoneticPr fontId="18"/>
  </si>
  <si>
    <t>06</t>
    <phoneticPr fontId="18"/>
  </si>
  <si>
    <t>地区名</t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65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6">
    <xf numFmtId="0" fontId="0" fillId="0" borderId="0" xfId="0">
      <alignment vertical="center"/>
    </xf>
    <xf numFmtId="0" fontId="0" fillId="0" borderId="0" xfId="0" applyFill="1">
      <alignment vertical="center"/>
    </xf>
    <xf numFmtId="49" fontId="0" fillId="0" borderId="0" xfId="0" applyNumberFormat="1" applyFill="1">
      <alignment vertical="center"/>
    </xf>
    <xf numFmtId="0" fontId="0" fillId="0" borderId="10" xfId="0" applyFill="1" applyBorder="1">
      <alignment vertical="center"/>
    </xf>
    <xf numFmtId="49" fontId="0" fillId="0" borderId="10" xfId="0" applyNumberFormat="1" applyFill="1" applyBorder="1">
      <alignment vertical="center"/>
    </xf>
    <xf numFmtId="17" fontId="0" fillId="0" borderId="10" xfId="0" applyNumberFormat="1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58"/>
  <sheetViews>
    <sheetView tabSelected="1" zoomScaleNormal="100" workbookViewId="0">
      <selection activeCell="D9" sqref="D9"/>
    </sheetView>
  </sheetViews>
  <sheetFormatPr defaultRowHeight="18.75" x14ac:dyDescent="0.4"/>
  <cols>
    <col min="1" max="1" width="29.25" style="1" customWidth="1"/>
    <col min="2" max="2" width="9.875" style="1" customWidth="1"/>
    <col min="3" max="3" width="13.375" style="1" customWidth="1"/>
    <col min="4" max="4" width="24.75" style="1" customWidth="1"/>
    <col min="5" max="6" width="9.375" style="1" customWidth="1"/>
    <col min="7" max="7" width="11" style="1" bestFit="1" customWidth="1"/>
    <col min="8" max="8" width="12.875" style="1" bestFit="1" customWidth="1"/>
    <col min="9" max="9" width="7.125" style="1" bestFit="1" customWidth="1"/>
    <col min="10" max="10" width="9" style="1"/>
    <col min="11" max="11" width="11" style="1" bestFit="1" customWidth="1"/>
    <col min="12" max="12" width="44.625" style="1" bestFit="1" customWidth="1"/>
    <col min="13" max="13" width="15.375" style="1" customWidth="1"/>
    <col min="14" max="14" width="75.375" style="1" customWidth="1"/>
    <col min="15" max="15" width="7.125" style="2" bestFit="1" customWidth="1"/>
    <col min="16" max="16384" width="9" style="1"/>
  </cols>
  <sheetData>
    <row r="1" spans="1:15" x14ac:dyDescent="0.4">
      <c r="A1" s="3" t="s">
        <v>0</v>
      </c>
      <c r="B1" s="3" t="s">
        <v>265</v>
      </c>
      <c r="C1" s="3" t="s">
        <v>1</v>
      </c>
      <c r="D1" s="3" t="s">
        <v>268</v>
      </c>
      <c r="E1" s="3" t="s">
        <v>2</v>
      </c>
      <c r="F1" s="3" t="s">
        <v>173</v>
      </c>
      <c r="G1" s="3" t="s">
        <v>3</v>
      </c>
      <c r="H1" s="3" t="s">
        <v>4</v>
      </c>
      <c r="I1" s="3" t="s">
        <v>5</v>
      </c>
      <c r="J1" s="3" t="s">
        <v>6</v>
      </c>
      <c r="K1" s="3" t="s">
        <v>7</v>
      </c>
      <c r="L1" s="3" t="s">
        <v>8</v>
      </c>
      <c r="M1" s="3" t="s">
        <v>264</v>
      </c>
      <c r="N1" s="3" t="s">
        <v>266</v>
      </c>
      <c r="O1" s="4" t="s">
        <v>9</v>
      </c>
    </row>
    <row r="2" spans="1:15" x14ac:dyDescent="0.4">
      <c r="A2" s="3" t="s">
        <v>23</v>
      </c>
      <c r="B2" s="3">
        <v>201</v>
      </c>
      <c r="C2" s="3" t="s">
        <v>24</v>
      </c>
      <c r="D2" s="3" t="s">
        <v>25</v>
      </c>
      <c r="E2" s="3" t="s">
        <v>13</v>
      </c>
      <c r="F2" s="3" t="s">
        <v>12</v>
      </c>
      <c r="G2" s="3" t="s">
        <v>13</v>
      </c>
      <c r="H2" s="3" t="s">
        <v>90</v>
      </c>
      <c r="I2" s="3" t="s">
        <v>88</v>
      </c>
      <c r="J2" s="3" t="s">
        <v>12</v>
      </c>
      <c r="K2" s="3" t="s">
        <v>12</v>
      </c>
      <c r="L2" s="3" t="s">
        <v>89</v>
      </c>
      <c r="M2" s="3" t="s">
        <v>26</v>
      </c>
      <c r="N2" s="3" t="s">
        <v>27</v>
      </c>
      <c r="O2" s="4">
        <v>36</v>
      </c>
    </row>
    <row r="3" spans="1:15" x14ac:dyDescent="0.4">
      <c r="A3" s="3" t="s">
        <v>38</v>
      </c>
      <c r="B3" s="3">
        <v>201</v>
      </c>
      <c r="C3" s="3" t="s">
        <v>24</v>
      </c>
      <c r="D3" s="3" t="s">
        <v>39</v>
      </c>
      <c r="E3" s="3" t="s">
        <v>12</v>
      </c>
      <c r="F3" s="3" t="s">
        <v>12</v>
      </c>
      <c r="G3" s="3" t="s">
        <v>13</v>
      </c>
      <c r="H3" s="3" t="s">
        <v>12</v>
      </c>
      <c r="I3" s="3" t="s">
        <v>14</v>
      </c>
      <c r="J3" s="3" t="s">
        <v>12</v>
      </c>
      <c r="K3" s="3" t="s">
        <v>13</v>
      </c>
      <c r="L3" s="3" t="s">
        <v>40</v>
      </c>
      <c r="M3" s="3" t="s">
        <v>41</v>
      </c>
      <c r="N3" s="3" t="s">
        <v>175</v>
      </c>
      <c r="O3" s="4">
        <v>64</v>
      </c>
    </row>
    <row r="4" spans="1:15" x14ac:dyDescent="0.4">
      <c r="A4" s="3" t="s">
        <v>51</v>
      </c>
      <c r="B4" s="3">
        <v>201</v>
      </c>
      <c r="C4" s="3" t="s">
        <v>24</v>
      </c>
      <c r="D4" s="3" t="s">
        <v>52</v>
      </c>
      <c r="E4" s="3" t="s">
        <v>13</v>
      </c>
      <c r="F4" s="3" t="s">
        <v>12</v>
      </c>
      <c r="G4" s="3" t="s">
        <v>13</v>
      </c>
      <c r="H4" s="3" t="s">
        <v>13</v>
      </c>
      <c r="I4" s="3" t="s">
        <v>88</v>
      </c>
      <c r="J4" s="3" t="s">
        <v>13</v>
      </c>
      <c r="K4" s="3" t="s">
        <v>13</v>
      </c>
      <c r="L4" s="3" t="s">
        <v>92</v>
      </c>
      <c r="M4" s="3" t="s">
        <v>93</v>
      </c>
      <c r="N4" s="3" t="s">
        <v>53</v>
      </c>
      <c r="O4" s="4">
        <v>10</v>
      </c>
    </row>
    <row r="5" spans="1:15" x14ac:dyDescent="0.4">
      <c r="A5" s="3" t="s">
        <v>73</v>
      </c>
      <c r="B5" s="3">
        <v>201</v>
      </c>
      <c r="C5" s="3" t="s">
        <v>24</v>
      </c>
      <c r="D5" s="3" t="s">
        <v>74</v>
      </c>
      <c r="E5" s="3" t="s">
        <v>12</v>
      </c>
      <c r="F5" s="3" t="s">
        <v>12</v>
      </c>
      <c r="G5" s="3"/>
      <c r="H5" s="3" t="s">
        <v>12</v>
      </c>
      <c r="I5" s="3"/>
      <c r="J5" s="3" t="s">
        <v>12</v>
      </c>
      <c r="K5" s="3"/>
      <c r="L5" s="3" t="s">
        <v>75</v>
      </c>
      <c r="M5" s="3" t="s">
        <v>76</v>
      </c>
      <c r="N5" s="3"/>
      <c r="O5" s="4">
        <v>95</v>
      </c>
    </row>
    <row r="6" spans="1:15" x14ac:dyDescent="0.4">
      <c r="A6" s="3" t="s">
        <v>139</v>
      </c>
      <c r="B6" s="3">
        <v>201</v>
      </c>
      <c r="C6" s="3" t="s">
        <v>24</v>
      </c>
      <c r="D6" s="3" t="s">
        <v>142</v>
      </c>
      <c r="E6" s="3" t="s">
        <v>13</v>
      </c>
      <c r="F6" s="3" t="s">
        <v>12</v>
      </c>
      <c r="G6" s="3" t="s">
        <v>13</v>
      </c>
      <c r="H6" s="3" t="s">
        <v>88</v>
      </c>
      <c r="I6" s="3" t="s">
        <v>88</v>
      </c>
      <c r="J6" s="3" t="s">
        <v>12</v>
      </c>
      <c r="K6" s="3" t="s">
        <v>13</v>
      </c>
      <c r="L6" s="3" t="s">
        <v>140</v>
      </c>
      <c r="M6" s="3" t="s">
        <v>141</v>
      </c>
      <c r="N6" s="3" t="s">
        <v>174</v>
      </c>
      <c r="O6" s="4">
        <v>95</v>
      </c>
    </row>
    <row r="7" spans="1:15" x14ac:dyDescent="0.4">
      <c r="A7" s="3" t="s">
        <v>222</v>
      </c>
      <c r="B7" s="3">
        <v>201</v>
      </c>
      <c r="C7" s="3" t="s">
        <v>24</v>
      </c>
      <c r="D7" s="3" t="s">
        <v>223</v>
      </c>
      <c r="E7" s="3" t="s">
        <v>13</v>
      </c>
      <c r="F7" s="3" t="s">
        <v>12</v>
      </c>
      <c r="G7" s="3" t="s">
        <v>13</v>
      </c>
      <c r="H7" s="3" t="s">
        <v>90</v>
      </c>
      <c r="I7" s="3" t="s">
        <v>248</v>
      </c>
      <c r="J7" s="3" t="s">
        <v>12</v>
      </c>
      <c r="K7" s="3" t="s">
        <v>13</v>
      </c>
      <c r="L7" s="3" t="s">
        <v>224</v>
      </c>
      <c r="M7" s="3" t="s">
        <v>225</v>
      </c>
      <c r="N7" s="3"/>
      <c r="O7" s="4">
        <v>95</v>
      </c>
    </row>
    <row r="8" spans="1:15" x14ac:dyDescent="0.4">
      <c r="A8" s="3" t="s">
        <v>79</v>
      </c>
      <c r="B8" s="3">
        <v>202</v>
      </c>
      <c r="C8" s="3" t="s">
        <v>80</v>
      </c>
      <c r="D8" s="3" t="s">
        <v>81</v>
      </c>
      <c r="E8" s="3" t="s">
        <v>12</v>
      </c>
      <c r="F8" s="3" t="s">
        <v>12</v>
      </c>
      <c r="G8" s="3"/>
      <c r="H8" s="3"/>
      <c r="I8" s="3" t="s">
        <v>88</v>
      </c>
      <c r="J8" s="3" t="s">
        <v>12</v>
      </c>
      <c r="K8" s="3"/>
      <c r="L8" s="3" t="s">
        <v>82</v>
      </c>
      <c r="M8" s="3" t="s">
        <v>83</v>
      </c>
      <c r="N8" s="3"/>
      <c r="O8" s="4">
        <v>95</v>
      </c>
    </row>
    <row r="9" spans="1:15" x14ac:dyDescent="0.4">
      <c r="A9" s="3" t="s">
        <v>130</v>
      </c>
      <c r="B9" s="3">
        <v>202</v>
      </c>
      <c r="C9" s="3" t="s">
        <v>80</v>
      </c>
      <c r="D9" s="3" t="s">
        <v>131</v>
      </c>
      <c r="E9" s="3" t="s">
        <v>12</v>
      </c>
      <c r="F9" s="3" t="s">
        <v>12</v>
      </c>
      <c r="G9" s="3" t="s">
        <v>12</v>
      </c>
      <c r="H9" s="3" t="s">
        <v>12</v>
      </c>
      <c r="I9" s="3" t="s">
        <v>88</v>
      </c>
      <c r="J9" s="3" t="s">
        <v>12</v>
      </c>
      <c r="K9" s="3" t="s">
        <v>13</v>
      </c>
      <c r="L9" s="3" t="s">
        <v>132</v>
      </c>
      <c r="M9" s="3" t="s">
        <v>133</v>
      </c>
      <c r="N9" s="3"/>
      <c r="O9" s="4">
        <v>95</v>
      </c>
    </row>
    <row r="10" spans="1:15" x14ac:dyDescent="0.4">
      <c r="A10" s="3" t="s">
        <v>79</v>
      </c>
      <c r="B10" s="3">
        <v>202</v>
      </c>
      <c r="C10" s="3" t="s">
        <v>80</v>
      </c>
      <c r="D10" s="3" t="s">
        <v>81</v>
      </c>
      <c r="E10" s="3" t="s">
        <v>12</v>
      </c>
      <c r="F10" s="3" t="s">
        <v>12</v>
      </c>
      <c r="G10" s="3"/>
      <c r="H10" s="3" t="s">
        <v>12</v>
      </c>
      <c r="I10" s="3" t="s">
        <v>88</v>
      </c>
      <c r="J10" s="3" t="s">
        <v>238</v>
      </c>
      <c r="K10" s="3"/>
      <c r="L10" s="3" t="s">
        <v>82</v>
      </c>
      <c r="M10" s="3" t="s">
        <v>83</v>
      </c>
      <c r="N10" s="3"/>
      <c r="O10" s="4">
        <v>95</v>
      </c>
    </row>
    <row r="11" spans="1:15" x14ac:dyDescent="0.4">
      <c r="A11" s="3" t="s">
        <v>239</v>
      </c>
      <c r="B11" s="3">
        <v>202</v>
      </c>
      <c r="C11" s="3" t="s">
        <v>80</v>
      </c>
      <c r="D11" s="3" t="s">
        <v>240</v>
      </c>
      <c r="E11" s="3"/>
      <c r="F11" s="3" t="s">
        <v>12</v>
      </c>
      <c r="G11" s="3"/>
      <c r="H11" s="3" t="s">
        <v>13</v>
      </c>
      <c r="I11" s="3"/>
      <c r="J11" s="3" t="s">
        <v>125</v>
      </c>
      <c r="K11" s="3"/>
      <c r="L11" s="3" t="s">
        <v>241</v>
      </c>
      <c r="M11" s="3" t="s">
        <v>242</v>
      </c>
      <c r="N11" s="3"/>
      <c r="O11" s="4">
        <v>95</v>
      </c>
    </row>
    <row r="12" spans="1:15" x14ac:dyDescent="0.4">
      <c r="A12" s="3" t="s">
        <v>28</v>
      </c>
      <c r="B12" s="3">
        <v>203</v>
      </c>
      <c r="C12" s="3" t="s">
        <v>29</v>
      </c>
      <c r="D12" s="3" t="s">
        <v>30</v>
      </c>
      <c r="E12" s="3" t="s">
        <v>12</v>
      </c>
      <c r="F12" s="3" t="s">
        <v>12</v>
      </c>
      <c r="G12" s="3" t="s">
        <v>13</v>
      </c>
      <c r="H12" s="3" t="s">
        <v>13</v>
      </c>
      <c r="I12" s="3" t="s">
        <v>14</v>
      </c>
      <c r="J12" s="3" t="s">
        <v>13</v>
      </c>
      <c r="K12" s="3" t="s">
        <v>13</v>
      </c>
      <c r="L12" s="3"/>
      <c r="M12" s="3" t="s">
        <v>31</v>
      </c>
      <c r="N12" s="3" t="s">
        <v>167</v>
      </c>
      <c r="O12" s="4">
        <v>16</v>
      </c>
    </row>
    <row r="13" spans="1:15" x14ac:dyDescent="0.4">
      <c r="A13" s="3" t="s">
        <v>54</v>
      </c>
      <c r="B13" s="3">
        <v>203</v>
      </c>
      <c r="C13" s="3" t="s">
        <v>29</v>
      </c>
      <c r="D13" s="3" t="s">
        <v>55</v>
      </c>
      <c r="E13" s="3" t="s">
        <v>12</v>
      </c>
      <c r="F13" s="3" t="s">
        <v>12</v>
      </c>
      <c r="G13" s="3" t="s">
        <v>13</v>
      </c>
      <c r="H13" s="3" t="s">
        <v>12</v>
      </c>
      <c r="I13" s="3" t="s">
        <v>14</v>
      </c>
      <c r="J13" s="3" t="s">
        <v>12</v>
      </c>
      <c r="K13" s="3" t="s">
        <v>13</v>
      </c>
      <c r="L13" s="3" t="s">
        <v>56</v>
      </c>
      <c r="M13" s="3" t="s">
        <v>57</v>
      </c>
      <c r="N13" s="3" t="s">
        <v>58</v>
      </c>
      <c r="O13" s="4">
        <v>16</v>
      </c>
    </row>
    <row r="14" spans="1:15" x14ac:dyDescent="0.4">
      <c r="A14" s="3" t="s">
        <v>59</v>
      </c>
      <c r="B14" s="3">
        <v>203</v>
      </c>
      <c r="C14" s="3" t="s">
        <v>29</v>
      </c>
      <c r="D14" s="3" t="s">
        <v>110</v>
      </c>
      <c r="E14" s="3" t="s">
        <v>12</v>
      </c>
      <c r="F14" s="3" t="s">
        <v>12</v>
      </c>
      <c r="G14" s="3" t="s">
        <v>13</v>
      </c>
      <c r="H14" s="3" t="s">
        <v>12</v>
      </c>
      <c r="I14" s="3" t="s">
        <v>88</v>
      </c>
      <c r="J14" s="3" t="s">
        <v>12</v>
      </c>
      <c r="K14" s="3" t="s">
        <v>12</v>
      </c>
      <c r="L14" s="3" t="s">
        <v>60</v>
      </c>
      <c r="M14" s="3" t="s">
        <v>129</v>
      </c>
      <c r="N14" s="3"/>
      <c r="O14" s="4">
        <v>95</v>
      </c>
    </row>
    <row r="15" spans="1:15" x14ac:dyDescent="0.4">
      <c r="A15" s="3" t="s">
        <v>64</v>
      </c>
      <c r="B15" s="3">
        <v>203</v>
      </c>
      <c r="C15" s="3" t="s">
        <v>29</v>
      </c>
      <c r="D15" s="3" t="s">
        <v>108</v>
      </c>
      <c r="E15" s="3" t="s">
        <v>12</v>
      </c>
      <c r="F15" s="3" t="s">
        <v>12</v>
      </c>
      <c r="G15" s="3" t="s">
        <v>13</v>
      </c>
      <c r="H15" s="3" t="s">
        <v>13</v>
      </c>
      <c r="I15" s="3" t="s">
        <v>14</v>
      </c>
      <c r="J15" s="3" t="s">
        <v>12</v>
      </c>
      <c r="K15" s="3" t="s">
        <v>12</v>
      </c>
      <c r="L15" s="3" t="s">
        <v>65</v>
      </c>
      <c r="M15" s="3" t="s">
        <v>66</v>
      </c>
      <c r="N15" s="3"/>
      <c r="O15" s="4">
        <v>95</v>
      </c>
    </row>
    <row r="16" spans="1:15" x14ac:dyDescent="0.4">
      <c r="A16" s="3" t="s">
        <v>118</v>
      </c>
      <c r="B16" s="3">
        <v>203</v>
      </c>
      <c r="C16" s="3" t="s">
        <v>119</v>
      </c>
      <c r="D16" s="3" t="s">
        <v>120</v>
      </c>
      <c r="E16" s="3" t="s">
        <v>12</v>
      </c>
      <c r="F16" s="3" t="s">
        <v>12</v>
      </c>
      <c r="G16" s="3" t="s">
        <v>13</v>
      </c>
      <c r="H16" s="3" t="s">
        <v>12</v>
      </c>
      <c r="I16" s="3" t="s">
        <v>14</v>
      </c>
      <c r="J16" s="3" t="s">
        <v>12</v>
      </c>
      <c r="K16" s="3" t="s">
        <v>13</v>
      </c>
      <c r="L16" s="3" t="s">
        <v>56</v>
      </c>
      <c r="M16" s="3" t="s">
        <v>57</v>
      </c>
      <c r="N16" s="3" t="s">
        <v>176</v>
      </c>
      <c r="O16" s="4">
        <v>95</v>
      </c>
    </row>
    <row r="17" spans="1:15" x14ac:dyDescent="0.4">
      <c r="A17" s="3" t="s">
        <v>217</v>
      </c>
      <c r="B17" s="3">
        <v>203</v>
      </c>
      <c r="C17" s="3" t="s">
        <v>29</v>
      </c>
      <c r="D17" s="3" t="s">
        <v>218</v>
      </c>
      <c r="E17" s="3" t="s">
        <v>12</v>
      </c>
      <c r="F17" s="3" t="s">
        <v>12</v>
      </c>
      <c r="G17" s="3"/>
      <c r="H17" s="3" t="s">
        <v>12</v>
      </c>
      <c r="I17" s="3"/>
      <c r="J17" s="3" t="s">
        <v>12</v>
      </c>
      <c r="K17" s="3"/>
      <c r="L17" s="3" t="s">
        <v>219</v>
      </c>
      <c r="M17" s="3" t="s">
        <v>220</v>
      </c>
      <c r="N17" s="3"/>
      <c r="O17" s="4">
        <v>95</v>
      </c>
    </row>
    <row r="18" spans="1:15" x14ac:dyDescent="0.4">
      <c r="A18" s="3" t="s">
        <v>243</v>
      </c>
      <c r="B18" s="3">
        <v>203</v>
      </c>
      <c r="C18" s="3" t="s">
        <v>246</v>
      </c>
      <c r="D18" s="3" t="s">
        <v>247</v>
      </c>
      <c r="E18" s="3" t="s">
        <v>12</v>
      </c>
      <c r="F18" s="3" t="s">
        <v>12</v>
      </c>
      <c r="G18" s="3" t="s">
        <v>13</v>
      </c>
      <c r="H18" s="3"/>
      <c r="I18" s="3"/>
      <c r="J18" s="3" t="s">
        <v>125</v>
      </c>
      <c r="K18" s="3" t="s">
        <v>13</v>
      </c>
      <c r="L18" s="3" t="s">
        <v>245</v>
      </c>
      <c r="M18" s="3" t="s">
        <v>244</v>
      </c>
      <c r="N18" s="3"/>
      <c r="O18" s="4">
        <v>95</v>
      </c>
    </row>
    <row r="19" spans="1:15" x14ac:dyDescent="0.4">
      <c r="A19" s="3" t="s">
        <v>113</v>
      </c>
      <c r="B19" s="3">
        <v>204</v>
      </c>
      <c r="C19" s="3" t="s">
        <v>114</v>
      </c>
      <c r="D19" s="3" t="s">
        <v>115</v>
      </c>
      <c r="E19" s="3" t="s">
        <v>12</v>
      </c>
      <c r="F19" s="3" t="s">
        <v>12</v>
      </c>
      <c r="G19" s="3" t="s">
        <v>12</v>
      </c>
      <c r="H19" s="3" t="s">
        <v>12</v>
      </c>
      <c r="I19" s="3" t="s">
        <v>14</v>
      </c>
      <c r="J19" s="3" t="s">
        <v>12</v>
      </c>
      <c r="K19" s="3" t="s">
        <v>12</v>
      </c>
      <c r="L19" s="3" t="s">
        <v>116</v>
      </c>
      <c r="M19" s="3" t="s">
        <v>117</v>
      </c>
      <c r="N19" s="3"/>
      <c r="O19" s="4">
        <v>95</v>
      </c>
    </row>
    <row r="20" spans="1:15" x14ac:dyDescent="0.4">
      <c r="A20" s="3" t="s">
        <v>121</v>
      </c>
      <c r="B20" s="3">
        <v>204</v>
      </c>
      <c r="C20" s="3" t="s">
        <v>114</v>
      </c>
      <c r="D20" s="3" t="s">
        <v>122</v>
      </c>
      <c r="E20" s="3" t="s">
        <v>12</v>
      </c>
      <c r="F20" s="3" t="s">
        <v>12</v>
      </c>
      <c r="G20" s="3" t="s">
        <v>13</v>
      </c>
      <c r="H20" s="3" t="s">
        <v>13</v>
      </c>
      <c r="I20" s="3" t="s">
        <v>88</v>
      </c>
      <c r="J20" s="3" t="s">
        <v>125</v>
      </c>
      <c r="K20" s="3" t="s">
        <v>12</v>
      </c>
      <c r="L20" s="3" t="s">
        <v>123</v>
      </c>
      <c r="M20" s="3" t="s">
        <v>124</v>
      </c>
      <c r="N20" s="3"/>
      <c r="O20" s="4">
        <v>95</v>
      </c>
    </row>
    <row r="21" spans="1:15" x14ac:dyDescent="0.4">
      <c r="A21" s="3" t="s">
        <v>191</v>
      </c>
      <c r="B21" s="3">
        <v>204</v>
      </c>
      <c r="C21" s="3" t="s">
        <v>114</v>
      </c>
      <c r="D21" s="3" t="s">
        <v>192</v>
      </c>
      <c r="E21" s="3"/>
      <c r="F21" s="3" t="s">
        <v>12</v>
      </c>
      <c r="G21" s="3"/>
      <c r="H21" s="3" t="s">
        <v>13</v>
      </c>
      <c r="I21" s="3"/>
      <c r="J21" s="3" t="s">
        <v>13</v>
      </c>
      <c r="K21" s="3" t="s">
        <v>13</v>
      </c>
      <c r="L21" s="3" t="s">
        <v>193</v>
      </c>
      <c r="M21" s="3" t="s">
        <v>194</v>
      </c>
      <c r="N21" s="3"/>
      <c r="O21" s="4">
        <v>95</v>
      </c>
    </row>
    <row r="22" spans="1:15" x14ac:dyDescent="0.4">
      <c r="A22" s="3" t="s">
        <v>18</v>
      </c>
      <c r="B22" s="3">
        <v>205</v>
      </c>
      <c r="C22" s="3" t="s">
        <v>19</v>
      </c>
      <c r="D22" s="3" t="s">
        <v>126</v>
      </c>
      <c r="E22" s="3" t="s">
        <v>12</v>
      </c>
      <c r="F22" s="3" t="s">
        <v>12</v>
      </c>
      <c r="G22" s="3" t="s">
        <v>12</v>
      </c>
      <c r="H22" s="3" t="s">
        <v>12</v>
      </c>
      <c r="I22" s="3" t="s">
        <v>14</v>
      </c>
      <c r="J22" s="3" t="s">
        <v>12</v>
      </c>
      <c r="K22" s="3" t="s">
        <v>12</v>
      </c>
      <c r="L22" s="3" t="s">
        <v>20</v>
      </c>
      <c r="M22" s="3" t="s">
        <v>21</v>
      </c>
      <c r="N22" s="3" t="s">
        <v>22</v>
      </c>
      <c r="O22" s="4">
        <v>40</v>
      </c>
    </row>
    <row r="23" spans="1:15" x14ac:dyDescent="0.4">
      <c r="A23" s="3" t="s">
        <v>251</v>
      </c>
      <c r="B23" s="3">
        <v>205</v>
      </c>
      <c r="C23" s="3" t="s">
        <v>19</v>
      </c>
      <c r="D23" s="3" t="s">
        <v>232</v>
      </c>
      <c r="E23" s="3"/>
      <c r="F23" s="3" t="s">
        <v>12</v>
      </c>
      <c r="G23" s="3" t="s">
        <v>13</v>
      </c>
      <c r="H23" s="3"/>
      <c r="I23" s="3"/>
      <c r="J23" s="3" t="s">
        <v>12</v>
      </c>
      <c r="K23" s="3"/>
      <c r="L23" s="3" t="s">
        <v>234</v>
      </c>
      <c r="M23" s="3" t="s">
        <v>233</v>
      </c>
      <c r="N23" s="3"/>
      <c r="O23" s="4">
        <v>95</v>
      </c>
    </row>
    <row r="24" spans="1:15" x14ac:dyDescent="0.4">
      <c r="A24" s="3" t="s">
        <v>235</v>
      </c>
      <c r="B24" s="3">
        <v>205</v>
      </c>
      <c r="C24" s="3" t="s">
        <v>19</v>
      </c>
      <c r="D24" s="3" t="s">
        <v>237</v>
      </c>
      <c r="E24" s="3" t="s">
        <v>12</v>
      </c>
      <c r="F24" s="3" t="s">
        <v>12</v>
      </c>
      <c r="G24" s="3"/>
      <c r="H24" s="3"/>
      <c r="I24" s="3"/>
      <c r="J24" s="3" t="s">
        <v>13</v>
      </c>
      <c r="K24" s="3"/>
      <c r="L24" s="3"/>
      <c r="M24" s="3" t="s">
        <v>236</v>
      </c>
      <c r="N24" s="3"/>
      <c r="O24" s="4">
        <v>95</v>
      </c>
    </row>
    <row r="25" spans="1:15" x14ac:dyDescent="0.4">
      <c r="A25" s="3" t="s">
        <v>46</v>
      </c>
      <c r="B25" s="3">
        <v>206</v>
      </c>
      <c r="C25" s="3" t="s">
        <v>47</v>
      </c>
      <c r="D25" s="3" t="s">
        <v>48</v>
      </c>
      <c r="E25" s="3" t="s">
        <v>13</v>
      </c>
      <c r="F25" s="3" t="s">
        <v>12</v>
      </c>
      <c r="G25" s="3" t="s">
        <v>13</v>
      </c>
      <c r="H25" s="3" t="s">
        <v>13</v>
      </c>
      <c r="I25" s="3" t="s">
        <v>14</v>
      </c>
      <c r="J25" s="3" t="s">
        <v>12</v>
      </c>
      <c r="K25" s="3" t="s">
        <v>13</v>
      </c>
      <c r="L25" s="3" t="s">
        <v>94</v>
      </c>
      <c r="M25" s="3" t="s">
        <v>49</v>
      </c>
      <c r="N25" s="3" t="s">
        <v>50</v>
      </c>
      <c r="O25" s="4">
        <v>23</v>
      </c>
    </row>
    <row r="26" spans="1:15" x14ac:dyDescent="0.4">
      <c r="A26" s="3" t="s">
        <v>77</v>
      </c>
      <c r="B26" s="3">
        <v>206</v>
      </c>
      <c r="C26" s="3" t="s">
        <v>47</v>
      </c>
      <c r="D26" s="3" t="s">
        <v>105</v>
      </c>
      <c r="E26" s="3" t="s">
        <v>12</v>
      </c>
      <c r="F26" s="3" t="s">
        <v>12</v>
      </c>
      <c r="G26" s="3"/>
      <c r="H26" s="3" t="s">
        <v>12</v>
      </c>
      <c r="I26" s="3" t="s">
        <v>88</v>
      </c>
      <c r="J26" s="3" t="s">
        <v>12</v>
      </c>
      <c r="K26" s="3" t="s">
        <v>13</v>
      </c>
      <c r="L26" s="3" t="s">
        <v>96</v>
      </c>
      <c r="M26" s="3" t="s">
        <v>78</v>
      </c>
      <c r="N26" s="3"/>
      <c r="O26" s="4">
        <v>95</v>
      </c>
    </row>
    <row r="27" spans="1:15" x14ac:dyDescent="0.4">
      <c r="A27" s="3" t="s">
        <v>143</v>
      </c>
      <c r="B27" s="3">
        <v>206</v>
      </c>
      <c r="C27" s="3" t="s">
        <v>47</v>
      </c>
      <c r="D27" s="3" t="s">
        <v>144</v>
      </c>
      <c r="E27" s="3" t="s">
        <v>13</v>
      </c>
      <c r="F27" s="3" t="s">
        <v>12</v>
      </c>
      <c r="G27" s="3" t="s">
        <v>13</v>
      </c>
      <c r="H27" s="3" t="s">
        <v>88</v>
      </c>
      <c r="I27" s="3" t="s">
        <v>88</v>
      </c>
      <c r="J27" s="3" t="s">
        <v>12</v>
      </c>
      <c r="K27" s="3" t="s">
        <v>13</v>
      </c>
      <c r="L27" s="3" t="s">
        <v>94</v>
      </c>
      <c r="M27" s="3" t="s">
        <v>49</v>
      </c>
      <c r="N27" s="3"/>
      <c r="O27" s="4">
        <v>95</v>
      </c>
    </row>
    <row r="28" spans="1:15" x14ac:dyDescent="0.4">
      <c r="A28" s="3" t="s">
        <v>172</v>
      </c>
      <c r="B28" s="3">
        <v>206</v>
      </c>
      <c r="C28" s="3" t="s">
        <v>47</v>
      </c>
      <c r="D28" s="3" t="s">
        <v>171</v>
      </c>
      <c r="E28" s="3"/>
      <c r="F28" s="3" t="s">
        <v>12</v>
      </c>
      <c r="G28" s="3"/>
      <c r="H28" s="3"/>
      <c r="I28" s="3" t="s">
        <v>14</v>
      </c>
      <c r="J28" s="3" t="s">
        <v>12</v>
      </c>
      <c r="K28" s="3" t="s">
        <v>12</v>
      </c>
      <c r="L28" s="3" t="s">
        <v>169</v>
      </c>
      <c r="M28" s="3" t="s">
        <v>170</v>
      </c>
      <c r="N28" s="3"/>
      <c r="O28" s="4">
        <v>95</v>
      </c>
    </row>
    <row r="29" spans="1:15" x14ac:dyDescent="0.4">
      <c r="A29" s="3" t="s">
        <v>97</v>
      </c>
      <c r="B29" s="3">
        <v>207</v>
      </c>
      <c r="C29" s="3" t="s">
        <v>98</v>
      </c>
      <c r="D29" s="3" t="s">
        <v>99</v>
      </c>
      <c r="E29" s="3" t="s">
        <v>12</v>
      </c>
      <c r="F29" s="3" t="s">
        <v>12</v>
      </c>
      <c r="G29" s="3" t="s">
        <v>13</v>
      </c>
      <c r="H29" s="3" t="s">
        <v>12</v>
      </c>
      <c r="I29" s="3" t="s">
        <v>14</v>
      </c>
      <c r="J29" s="3" t="s">
        <v>12</v>
      </c>
      <c r="K29" s="3" t="s">
        <v>13</v>
      </c>
      <c r="L29" s="3" t="s">
        <v>100</v>
      </c>
      <c r="M29" s="3" t="s">
        <v>101</v>
      </c>
      <c r="N29" s="3"/>
      <c r="O29" s="4">
        <v>95</v>
      </c>
    </row>
    <row r="30" spans="1:15" x14ac:dyDescent="0.4">
      <c r="A30" s="3" t="s">
        <v>42</v>
      </c>
      <c r="B30" s="3">
        <v>209</v>
      </c>
      <c r="C30" s="3" t="s">
        <v>43</v>
      </c>
      <c r="D30" s="3" t="s">
        <v>111</v>
      </c>
      <c r="E30" s="3"/>
      <c r="F30" s="3" t="s">
        <v>12</v>
      </c>
      <c r="G30" s="3"/>
      <c r="H30" s="3" t="s">
        <v>12</v>
      </c>
      <c r="I30" s="3" t="s">
        <v>88</v>
      </c>
      <c r="J30" s="3" t="s">
        <v>12</v>
      </c>
      <c r="K30" s="3" t="s">
        <v>12</v>
      </c>
      <c r="L30" s="3" t="s">
        <v>91</v>
      </c>
      <c r="M30" s="3" t="s">
        <v>44</v>
      </c>
      <c r="N30" s="3" t="s">
        <v>45</v>
      </c>
      <c r="O30" s="4">
        <v>59</v>
      </c>
    </row>
    <row r="31" spans="1:15" x14ac:dyDescent="0.4">
      <c r="A31" s="3" t="s">
        <v>67</v>
      </c>
      <c r="B31" s="3">
        <v>209</v>
      </c>
      <c r="C31" s="3" t="s">
        <v>43</v>
      </c>
      <c r="D31" s="3" t="s">
        <v>107</v>
      </c>
      <c r="E31" s="3" t="s">
        <v>12</v>
      </c>
      <c r="F31" s="3" t="s">
        <v>12</v>
      </c>
      <c r="G31" s="3" t="s">
        <v>13</v>
      </c>
      <c r="H31" s="3" t="s">
        <v>12</v>
      </c>
      <c r="I31" s="3" t="s">
        <v>14</v>
      </c>
      <c r="J31" s="3" t="s">
        <v>12</v>
      </c>
      <c r="K31" s="3" t="s">
        <v>12</v>
      </c>
      <c r="L31" s="3" t="s">
        <v>95</v>
      </c>
      <c r="M31" s="3" t="s">
        <v>68</v>
      </c>
      <c r="N31" s="3"/>
      <c r="O31" s="4">
        <v>95</v>
      </c>
    </row>
    <row r="32" spans="1:15" x14ac:dyDescent="0.4">
      <c r="A32" s="3" t="s">
        <v>184</v>
      </c>
      <c r="B32" s="3">
        <v>209</v>
      </c>
      <c r="C32" s="3" t="s">
        <v>43</v>
      </c>
      <c r="D32" s="3" t="s">
        <v>185</v>
      </c>
      <c r="E32" s="3" t="s">
        <v>13</v>
      </c>
      <c r="F32" s="3" t="s">
        <v>12</v>
      </c>
      <c r="G32" s="3" t="s">
        <v>13</v>
      </c>
      <c r="H32" s="3" t="s">
        <v>13</v>
      </c>
      <c r="I32" s="3" t="s">
        <v>88</v>
      </c>
      <c r="J32" s="3" t="s">
        <v>12</v>
      </c>
      <c r="K32" s="3"/>
      <c r="L32" s="3" t="s">
        <v>183</v>
      </c>
      <c r="M32" s="3" t="s">
        <v>186</v>
      </c>
      <c r="N32" s="3"/>
      <c r="O32" s="4">
        <v>95</v>
      </c>
    </row>
    <row r="33" spans="1:15" x14ac:dyDescent="0.4">
      <c r="A33" s="3" t="s">
        <v>187</v>
      </c>
      <c r="B33" s="3">
        <v>209</v>
      </c>
      <c r="C33" s="3" t="s">
        <v>43</v>
      </c>
      <c r="D33" s="3" t="s">
        <v>188</v>
      </c>
      <c r="E33" s="3" t="s">
        <v>13</v>
      </c>
      <c r="F33" s="3" t="s">
        <v>12</v>
      </c>
      <c r="G33" s="3" t="s">
        <v>13</v>
      </c>
      <c r="H33" s="3" t="s">
        <v>12</v>
      </c>
      <c r="I33" s="3" t="s">
        <v>14</v>
      </c>
      <c r="J33" s="3" t="s">
        <v>12</v>
      </c>
      <c r="K33" s="3" t="s">
        <v>256</v>
      </c>
      <c r="L33" s="3" t="s">
        <v>189</v>
      </c>
      <c r="M33" s="3" t="s">
        <v>190</v>
      </c>
      <c r="N33" s="3"/>
      <c r="O33" s="4">
        <v>95</v>
      </c>
    </row>
    <row r="34" spans="1:15" x14ac:dyDescent="0.4">
      <c r="A34" s="3" t="s">
        <v>249</v>
      </c>
      <c r="B34" s="3">
        <v>343</v>
      </c>
      <c r="C34" s="3" t="s">
        <v>226</v>
      </c>
      <c r="D34" s="3" t="s">
        <v>227</v>
      </c>
      <c r="E34" s="3" t="s">
        <v>13</v>
      </c>
      <c r="F34" s="3" t="s">
        <v>12</v>
      </c>
      <c r="G34" s="3" t="s">
        <v>13</v>
      </c>
      <c r="H34" s="3" t="s">
        <v>13</v>
      </c>
      <c r="I34" s="3"/>
      <c r="J34" s="3" t="s">
        <v>13</v>
      </c>
      <c r="K34" s="3"/>
      <c r="L34" s="3"/>
      <c r="M34" s="3" t="s">
        <v>250</v>
      </c>
      <c r="N34" s="3"/>
      <c r="O34" s="4">
        <v>95</v>
      </c>
    </row>
    <row r="35" spans="1:15" x14ac:dyDescent="0.4">
      <c r="A35" s="3" t="s">
        <v>228</v>
      </c>
      <c r="B35" s="3">
        <v>343</v>
      </c>
      <c r="C35" s="3" t="s">
        <v>226</v>
      </c>
      <c r="D35" s="3" t="s">
        <v>229</v>
      </c>
      <c r="E35" s="3" t="s">
        <v>12</v>
      </c>
      <c r="F35" s="3" t="s">
        <v>12</v>
      </c>
      <c r="G35" s="3"/>
      <c r="H35" s="3"/>
      <c r="I35" s="3"/>
      <c r="J35" s="3"/>
      <c r="K35" s="3"/>
      <c r="L35" s="3" t="s">
        <v>231</v>
      </c>
      <c r="M35" s="3" t="s">
        <v>230</v>
      </c>
      <c r="N35" s="3"/>
      <c r="O35" s="4">
        <v>95</v>
      </c>
    </row>
    <row r="36" spans="1:15" x14ac:dyDescent="0.4">
      <c r="A36" s="3" t="s">
        <v>10</v>
      </c>
      <c r="B36" s="3">
        <v>386</v>
      </c>
      <c r="C36" s="3" t="s">
        <v>11</v>
      </c>
      <c r="D36" s="3" t="s">
        <v>112</v>
      </c>
      <c r="E36" s="3" t="s">
        <v>12</v>
      </c>
      <c r="F36" s="3" t="s">
        <v>12</v>
      </c>
      <c r="G36" s="3" t="s">
        <v>13</v>
      </c>
      <c r="H36" s="3" t="s">
        <v>12</v>
      </c>
      <c r="I36" s="3" t="s">
        <v>14</v>
      </c>
      <c r="J36" s="3" t="s">
        <v>13</v>
      </c>
      <c r="K36" s="3" t="s">
        <v>13</v>
      </c>
      <c r="L36" s="3" t="s">
        <v>15</v>
      </c>
      <c r="M36" s="3" t="s">
        <v>16</v>
      </c>
      <c r="N36" s="3" t="s">
        <v>17</v>
      </c>
      <c r="O36" s="4">
        <v>40</v>
      </c>
    </row>
    <row r="37" spans="1:15" x14ac:dyDescent="0.4">
      <c r="A37" s="3" t="s">
        <v>61</v>
      </c>
      <c r="B37" s="3">
        <v>386</v>
      </c>
      <c r="C37" s="3" t="s">
        <v>11</v>
      </c>
      <c r="D37" s="3" t="s">
        <v>109</v>
      </c>
      <c r="E37" s="3" t="s">
        <v>12</v>
      </c>
      <c r="F37" s="3" t="s">
        <v>12</v>
      </c>
      <c r="G37" s="3" t="s">
        <v>13</v>
      </c>
      <c r="H37" s="3" t="s">
        <v>13</v>
      </c>
      <c r="I37" s="3" t="s">
        <v>14</v>
      </c>
      <c r="J37" s="3" t="s">
        <v>12</v>
      </c>
      <c r="K37" s="3" t="s">
        <v>13</v>
      </c>
      <c r="L37" s="3" t="s">
        <v>62</v>
      </c>
      <c r="M37" s="3" t="s">
        <v>63</v>
      </c>
      <c r="N37" s="3"/>
      <c r="O37" s="4">
        <v>95</v>
      </c>
    </row>
    <row r="38" spans="1:15" x14ac:dyDescent="0.4">
      <c r="A38" s="3" t="s">
        <v>127</v>
      </c>
      <c r="B38" s="3">
        <v>386</v>
      </c>
      <c r="C38" s="3" t="s">
        <v>11</v>
      </c>
      <c r="D38" s="3" t="s">
        <v>128</v>
      </c>
      <c r="E38" s="3" t="s">
        <v>12</v>
      </c>
      <c r="F38" s="3" t="s">
        <v>12</v>
      </c>
      <c r="G38" s="3" t="s">
        <v>13</v>
      </c>
      <c r="H38" s="3" t="s">
        <v>12</v>
      </c>
      <c r="I38" s="3" t="s">
        <v>88</v>
      </c>
      <c r="J38" s="3" t="s">
        <v>13</v>
      </c>
      <c r="K38" s="3" t="s">
        <v>12</v>
      </c>
      <c r="L38" s="3" t="s">
        <v>15</v>
      </c>
      <c r="M38" s="3" t="s">
        <v>16</v>
      </c>
      <c r="N38" s="3"/>
      <c r="O38" s="4">
        <v>95</v>
      </c>
    </row>
    <row r="39" spans="1:15" x14ac:dyDescent="0.4">
      <c r="A39" s="3" t="s">
        <v>257</v>
      </c>
      <c r="B39" s="3">
        <v>441</v>
      </c>
      <c r="C39" s="3" t="s">
        <v>258</v>
      </c>
      <c r="D39" s="3" t="s">
        <v>260</v>
      </c>
      <c r="E39" s="3"/>
      <c r="F39" s="3" t="s">
        <v>12</v>
      </c>
      <c r="G39" s="3"/>
      <c r="H39" s="3"/>
      <c r="I39" s="3" t="s">
        <v>14</v>
      </c>
      <c r="J39" s="3" t="s">
        <v>12</v>
      </c>
      <c r="K39" s="3"/>
      <c r="L39" s="3" t="s">
        <v>259</v>
      </c>
      <c r="M39" s="3" t="s">
        <v>261</v>
      </c>
      <c r="N39" s="3"/>
      <c r="O39" s="4">
        <v>95</v>
      </c>
    </row>
    <row r="40" spans="1:15" x14ac:dyDescent="0.4">
      <c r="A40" s="3" t="s">
        <v>69</v>
      </c>
      <c r="B40" s="3">
        <v>448</v>
      </c>
      <c r="C40" s="3" t="s">
        <v>70</v>
      </c>
      <c r="D40" s="3" t="s">
        <v>106</v>
      </c>
      <c r="E40" s="3" t="s">
        <v>12</v>
      </c>
      <c r="F40" s="3" t="s">
        <v>12</v>
      </c>
      <c r="G40" s="3" t="s">
        <v>13</v>
      </c>
      <c r="H40" s="3" t="s">
        <v>12</v>
      </c>
      <c r="I40" s="3" t="s">
        <v>14</v>
      </c>
      <c r="J40" s="3" t="s">
        <v>12</v>
      </c>
      <c r="K40" s="3" t="s">
        <v>12</v>
      </c>
      <c r="L40" s="3" t="s">
        <v>71</v>
      </c>
      <c r="M40" s="3" t="s">
        <v>72</v>
      </c>
      <c r="N40" s="3"/>
      <c r="O40" s="4">
        <v>95</v>
      </c>
    </row>
    <row r="41" spans="1:15" x14ac:dyDescent="0.4">
      <c r="A41" s="3" t="s">
        <v>134</v>
      </c>
      <c r="B41" s="3">
        <v>449</v>
      </c>
      <c r="C41" s="3" t="s">
        <v>136</v>
      </c>
      <c r="D41" s="3" t="s">
        <v>137</v>
      </c>
      <c r="E41" s="3" t="s">
        <v>12</v>
      </c>
      <c r="F41" s="3" t="s">
        <v>12</v>
      </c>
      <c r="G41" s="3" t="s">
        <v>13</v>
      </c>
      <c r="H41" s="3" t="s">
        <v>12</v>
      </c>
      <c r="I41" s="3" t="s">
        <v>14</v>
      </c>
      <c r="J41" s="3" t="s">
        <v>12</v>
      </c>
      <c r="K41" s="3" t="s">
        <v>12</v>
      </c>
      <c r="L41" s="3" t="s">
        <v>135</v>
      </c>
      <c r="M41" s="3" t="s">
        <v>138</v>
      </c>
      <c r="N41" s="3"/>
      <c r="O41" s="4">
        <v>95</v>
      </c>
    </row>
    <row r="42" spans="1:15" x14ac:dyDescent="0.4">
      <c r="A42" s="3" t="s">
        <v>166</v>
      </c>
      <c r="B42" s="3">
        <v>449</v>
      </c>
      <c r="C42" s="3" t="s">
        <v>136</v>
      </c>
      <c r="D42" s="5" t="s">
        <v>160</v>
      </c>
      <c r="E42" s="3" t="s">
        <v>13</v>
      </c>
      <c r="F42" s="3" t="s">
        <v>13</v>
      </c>
      <c r="G42" s="3" t="s">
        <v>13</v>
      </c>
      <c r="H42" s="3" t="s">
        <v>12</v>
      </c>
      <c r="I42" s="3"/>
      <c r="J42" s="3" t="s">
        <v>12</v>
      </c>
      <c r="K42" s="3"/>
      <c r="L42" s="3" t="s">
        <v>165</v>
      </c>
      <c r="M42" s="3" t="s">
        <v>164</v>
      </c>
      <c r="N42" s="3"/>
      <c r="O42" s="4">
        <v>95</v>
      </c>
    </row>
    <row r="43" spans="1:15" x14ac:dyDescent="0.4">
      <c r="A43" s="3" t="s">
        <v>161</v>
      </c>
      <c r="B43" s="3">
        <v>449</v>
      </c>
      <c r="C43" s="3" t="s">
        <v>136</v>
      </c>
      <c r="D43" s="3" t="s">
        <v>162</v>
      </c>
      <c r="E43" s="3"/>
      <c r="F43" s="3" t="s">
        <v>12</v>
      </c>
      <c r="G43" s="3" t="s">
        <v>13</v>
      </c>
      <c r="H43" s="3" t="s">
        <v>13</v>
      </c>
      <c r="I43" s="3" t="s">
        <v>14</v>
      </c>
      <c r="J43" s="3" t="s">
        <v>12</v>
      </c>
      <c r="K43" s="3" t="s">
        <v>13</v>
      </c>
      <c r="L43" s="3" t="s">
        <v>168</v>
      </c>
      <c r="M43" s="3" t="s">
        <v>163</v>
      </c>
      <c r="N43" s="3"/>
      <c r="O43" s="4">
        <v>95</v>
      </c>
    </row>
    <row r="44" spans="1:15" x14ac:dyDescent="0.4">
      <c r="A44" s="3" t="s">
        <v>215</v>
      </c>
      <c r="B44" s="3">
        <v>501</v>
      </c>
      <c r="C44" s="3" t="s">
        <v>252</v>
      </c>
      <c r="D44" s="3" t="s">
        <v>253</v>
      </c>
      <c r="E44" s="3" t="s">
        <v>12</v>
      </c>
      <c r="F44" s="3" t="s">
        <v>12</v>
      </c>
      <c r="G44" s="3" t="s">
        <v>13</v>
      </c>
      <c r="H44" s="3" t="s">
        <v>13</v>
      </c>
      <c r="I44" s="3" t="s">
        <v>88</v>
      </c>
      <c r="J44" s="3" t="s">
        <v>12</v>
      </c>
      <c r="K44" s="3"/>
      <c r="L44" s="3" t="s">
        <v>216</v>
      </c>
      <c r="M44" s="3" t="s">
        <v>221</v>
      </c>
      <c r="N44" s="3"/>
      <c r="O44" s="4">
        <v>95</v>
      </c>
    </row>
    <row r="45" spans="1:15" x14ac:dyDescent="0.4">
      <c r="A45" s="3" t="s">
        <v>195</v>
      </c>
      <c r="B45" s="3">
        <v>505</v>
      </c>
      <c r="C45" s="3" t="s">
        <v>84</v>
      </c>
      <c r="D45" s="3" t="s">
        <v>85</v>
      </c>
      <c r="E45" s="3" t="s">
        <v>12</v>
      </c>
      <c r="F45" s="3" t="s">
        <v>12</v>
      </c>
      <c r="G45" s="3"/>
      <c r="H45" s="3" t="s">
        <v>12</v>
      </c>
      <c r="I45" s="3" t="s">
        <v>88</v>
      </c>
      <c r="J45" s="3" t="s">
        <v>12</v>
      </c>
      <c r="K45" s="3" t="s">
        <v>13</v>
      </c>
      <c r="L45" s="3" t="s">
        <v>86</v>
      </c>
      <c r="M45" s="3" t="s">
        <v>87</v>
      </c>
      <c r="N45" s="3"/>
      <c r="O45" s="4">
        <v>95</v>
      </c>
    </row>
    <row r="46" spans="1:15" x14ac:dyDescent="0.4">
      <c r="A46" s="3" t="s">
        <v>196</v>
      </c>
      <c r="B46" s="3">
        <v>505</v>
      </c>
      <c r="C46" s="3" t="s">
        <v>84</v>
      </c>
      <c r="D46" s="3" t="s">
        <v>198</v>
      </c>
      <c r="E46" s="3"/>
      <c r="F46" s="3" t="s">
        <v>12</v>
      </c>
      <c r="G46" s="3" t="s">
        <v>13</v>
      </c>
      <c r="H46" s="3" t="s">
        <v>13</v>
      </c>
      <c r="I46" s="3" t="s">
        <v>88</v>
      </c>
      <c r="J46" s="3" t="s">
        <v>12</v>
      </c>
      <c r="K46" s="3"/>
      <c r="L46" s="3" t="s">
        <v>197</v>
      </c>
      <c r="M46" s="3" t="s">
        <v>199</v>
      </c>
      <c r="N46" s="3"/>
      <c r="O46" s="4">
        <v>95</v>
      </c>
    </row>
    <row r="47" spans="1:15" x14ac:dyDescent="0.4">
      <c r="A47" s="3" t="s">
        <v>200</v>
      </c>
      <c r="B47" s="3">
        <v>505</v>
      </c>
      <c r="C47" s="3" t="s">
        <v>84</v>
      </c>
      <c r="D47" s="3" t="s">
        <v>201</v>
      </c>
      <c r="E47" s="3"/>
      <c r="F47" s="3" t="s">
        <v>12</v>
      </c>
      <c r="G47" s="3"/>
      <c r="H47" s="3" t="s">
        <v>12</v>
      </c>
      <c r="I47" s="3" t="s">
        <v>88</v>
      </c>
      <c r="J47" s="3" t="s">
        <v>12</v>
      </c>
      <c r="K47" s="3" t="s">
        <v>13</v>
      </c>
      <c r="L47" s="3" t="s">
        <v>86</v>
      </c>
      <c r="M47" s="3" t="s">
        <v>87</v>
      </c>
      <c r="N47" s="3"/>
      <c r="O47" s="4">
        <v>95</v>
      </c>
    </row>
    <row r="48" spans="1:15" x14ac:dyDescent="0.4">
      <c r="A48" s="3" t="s">
        <v>179</v>
      </c>
      <c r="B48" s="3">
        <v>525</v>
      </c>
      <c r="C48" s="3" t="s">
        <v>211</v>
      </c>
      <c r="D48" s="3" t="s">
        <v>212</v>
      </c>
      <c r="E48" s="3" t="s">
        <v>13</v>
      </c>
      <c r="F48" s="3" t="s">
        <v>12</v>
      </c>
      <c r="G48" s="3"/>
      <c r="H48" s="3" t="s">
        <v>13</v>
      </c>
      <c r="I48" s="3" t="s">
        <v>88</v>
      </c>
      <c r="J48" s="3" t="s">
        <v>12</v>
      </c>
      <c r="K48" s="3" t="s">
        <v>13</v>
      </c>
      <c r="L48" s="3" t="s">
        <v>181</v>
      </c>
      <c r="M48" s="3" t="s">
        <v>180</v>
      </c>
      <c r="N48" s="3"/>
      <c r="O48" s="4">
        <v>95</v>
      </c>
    </row>
    <row r="49" spans="1:15" x14ac:dyDescent="0.4">
      <c r="A49" s="3" t="s">
        <v>102</v>
      </c>
      <c r="B49" s="3">
        <v>526</v>
      </c>
      <c r="C49" s="3" t="s">
        <v>33</v>
      </c>
      <c r="D49" s="3" t="s">
        <v>254</v>
      </c>
      <c r="E49" s="3" t="s">
        <v>12</v>
      </c>
      <c r="F49" s="3" t="s">
        <v>12</v>
      </c>
      <c r="G49" s="3"/>
      <c r="H49" s="3" t="s">
        <v>12</v>
      </c>
      <c r="I49" s="3" t="s">
        <v>88</v>
      </c>
      <c r="J49" s="3" t="s">
        <v>12</v>
      </c>
      <c r="K49" s="3" t="s">
        <v>13</v>
      </c>
      <c r="L49" s="3" t="s">
        <v>104</v>
      </c>
      <c r="M49" s="3" t="s">
        <v>103</v>
      </c>
      <c r="N49" s="3"/>
      <c r="O49" s="4">
        <v>95</v>
      </c>
    </row>
    <row r="50" spans="1:15" x14ac:dyDescent="0.4">
      <c r="A50" s="3" t="s">
        <v>32</v>
      </c>
      <c r="B50" s="3">
        <v>526</v>
      </c>
      <c r="C50" s="3" t="s">
        <v>33</v>
      </c>
      <c r="D50" s="3" t="s">
        <v>34</v>
      </c>
      <c r="E50" s="3" t="s">
        <v>12</v>
      </c>
      <c r="F50" s="3" t="s">
        <v>12</v>
      </c>
      <c r="G50" s="3" t="s">
        <v>13</v>
      </c>
      <c r="H50" s="3" t="s">
        <v>13</v>
      </c>
      <c r="I50" s="3" t="s">
        <v>14</v>
      </c>
      <c r="J50" s="3" t="s">
        <v>12</v>
      </c>
      <c r="K50" s="3" t="s">
        <v>13</v>
      </c>
      <c r="L50" s="3" t="s">
        <v>35</v>
      </c>
      <c r="M50" s="3" t="s">
        <v>36</v>
      </c>
      <c r="N50" s="3" t="s">
        <v>37</v>
      </c>
      <c r="O50" s="4" t="s">
        <v>267</v>
      </c>
    </row>
    <row r="51" spans="1:15" x14ac:dyDescent="0.4">
      <c r="A51" s="3" t="s">
        <v>182</v>
      </c>
      <c r="B51" s="3">
        <v>527</v>
      </c>
      <c r="C51" s="3" t="s">
        <v>213</v>
      </c>
      <c r="D51" s="3" t="s">
        <v>214</v>
      </c>
      <c r="E51" s="3" t="s">
        <v>13</v>
      </c>
      <c r="F51" s="3" t="s">
        <v>12</v>
      </c>
      <c r="G51" s="3"/>
      <c r="H51" s="3" t="s">
        <v>13</v>
      </c>
      <c r="I51" s="3" t="s">
        <v>88</v>
      </c>
      <c r="J51" s="3"/>
      <c r="K51" s="3" t="s">
        <v>13</v>
      </c>
      <c r="L51" s="3"/>
      <c r="M51" s="3"/>
      <c r="N51" s="3"/>
      <c r="O51" s="4">
        <v>95</v>
      </c>
    </row>
    <row r="52" spans="1:15" x14ac:dyDescent="0.4">
      <c r="A52" s="3" t="s">
        <v>145</v>
      </c>
      <c r="B52" s="3">
        <v>528</v>
      </c>
      <c r="C52" s="3" t="s">
        <v>204</v>
      </c>
      <c r="D52" s="3" t="s">
        <v>202</v>
      </c>
      <c r="E52" s="3" t="s">
        <v>13</v>
      </c>
      <c r="F52" s="3" t="s">
        <v>12</v>
      </c>
      <c r="G52" s="3"/>
      <c r="H52" s="3" t="s">
        <v>13</v>
      </c>
      <c r="I52" s="3" t="s">
        <v>14</v>
      </c>
      <c r="J52" s="3" t="s">
        <v>12</v>
      </c>
      <c r="K52" s="3" t="s">
        <v>13</v>
      </c>
      <c r="L52" s="3" t="s">
        <v>159</v>
      </c>
      <c r="M52" s="3" t="s">
        <v>146</v>
      </c>
      <c r="N52" s="3"/>
      <c r="O52" s="4">
        <v>95</v>
      </c>
    </row>
    <row r="53" spans="1:15" x14ac:dyDescent="0.4">
      <c r="A53" s="3" t="s">
        <v>147</v>
      </c>
      <c r="B53" s="3">
        <v>528</v>
      </c>
      <c r="C53" s="3" t="s">
        <v>203</v>
      </c>
      <c r="D53" s="3" t="s">
        <v>205</v>
      </c>
      <c r="E53" s="3" t="s">
        <v>13</v>
      </c>
      <c r="F53" s="3" t="s">
        <v>12</v>
      </c>
      <c r="G53" s="3" t="s">
        <v>13</v>
      </c>
      <c r="H53" s="3"/>
      <c r="I53" s="3"/>
      <c r="J53" s="3"/>
      <c r="K53" s="3"/>
      <c r="L53" s="3" t="s">
        <v>148</v>
      </c>
      <c r="M53" s="3" t="s">
        <v>149</v>
      </c>
      <c r="N53" s="3"/>
      <c r="O53" s="4">
        <v>95</v>
      </c>
    </row>
    <row r="54" spans="1:15" x14ac:dyDescent="0.4">
      <c r="A54" s="3" t="s">
        <v>150</v>
      </c>
      <c r="B54" s="3">
        <v>528</v>
      </c>
      <c r="C54" s="3" t="s">
        <v>203</v>
      </c>
      <c r="D54" s="3" t="s">
        <v>206</v>
      </c>
      <c r="E54" s="3" t="s">
        <v>13</v>
      </c>
      <c r="F54" s="3" t="s">
        <v>12</v>
      </c>
      <c r="G54" s="3" t="s">
        <v>13</v>
      </c>
      <c r="H54" s="3" t="s">
        <v>13</v>
      </c>
      <c r="I54" s="3"/>
      <c r="J54" s="3" t="s">
        <v>12</v>
      </c>
      <c r="K54" s="3" t="s">
        <v>13</v>
      </c>
      <c r="L54" s="3" t="s">
        <v>159</v>
      </c>
      <c r="M54" s="3" t="s">
        <v>151</v>
      </c>
      <c r="N54" s="3"/>
      <c r="O54" s="4">
        <v>95</v>
      </c>
    </row>
    <row r="55" spans="1:15" x14ac:dyDescent="0.4">
      <c r="A55" s="3" t="s">
        <v>152</v>
      </c>
      <c r="B55" s="3">
        <v>528</v>
      </c>
      <c r="C55" s="3" t="s">
        <v>203</v>
      </c>
      <c r="D55" s="3" t="s">
        <v>207</v>
      </c>
      <c r="E55" s="3" t="s">
        <v>13</v>
      </c>
      <c r="F55" s="3" t="s">
        <v>12</v>
      </c>
      <c r="G55" s="3"/>
      <c r="H55" s="3" t="s">
        <v>13</v>
      </c>
      <c r="I55" s="3" t="s">
        <v>88</v>
      </c>
      <c r="J55" s="3" t="s">
        <v>12</v>
      </c>
      <c r="K55" s="3" t="s">
        <v>13</v>
      </c>
      <c r="L55" s="3" t="s">
        <v>159</v>
      </c>
      <c r="M55" s="3" t="s">
        <v>255</v>
      </c>
      <c r="N55" s="3"/>
      <c r="O55" s="4">
        <v>95</v>
      </c>
    </row>
    <row r="56" spans="1:15" x14ac:dyDescent="0.4">
      <c r="A56" s="3" t="s">
        <v>153</v>
      </c>
      <c r="B56" s="3">
        <v>528</v>
      </c>
      <c r="C56" s="3" t="s">
        <v>203</v>
      </c>
      <c r="D56" s="3" t="s">
        <v>208</v>
      </c>
      <c r="E56" s="3" t="s">
        <v>13</v>
      </c>
      <c r="F56" s="3" t="s">
        <v>12</v>
      </c>
      <c r="G56" s="3" t="s">
        <v>13</v>
      </c>
      <c r="H56" s="3" t="s">
        <v>12</v>
      </c>
      <c r="I56" s="3"/>
      <c r="J56" s="3" t="s">
        <v>12</v>
      </c>
      <c r="K56" s="3"/>
      <c r="L56" s="3" t="s">
        <v>159</v>
      </c>
      <c r="M56" s="3" t="s">
        <v>157</v>
      </c>
      <c r="N56" s="3" t="s">
        <v>158</v>
      </c>
      <c r="O56" s="4">
        <v>95</v>
      </c>
    </row>
    <row r="57" spans="1:15" x14ac:dyDescent="0.4">
      <c r="A57" s="3" t="s">
        <v>154</v>
      </c>
      <c r="B57" s="3">
        <v>528</v>
      </c>
      <c r="C57" s="3" t="s">
        <v>203</v>
      </c>
      <c r="D57" s="3" t="s">
        <v>209</v>
      </c>
      <c r="E57" s="3" t="s">
        <v>13</v>
      </c>
      <c r="F57" s="3" t="s">
        <v>12</v>
      </c>
      <c r="G57" s="3" t="s">
        <v>13</v>
      </c>
      <c r="H57" s="3"/>
      <c r="I57" s="3"/>
      <c r="J57" s="3" t="s">
        <v>12</v>
      </c>
      <c r="K57" s="3" t="s">
        <v>13</v>
      </c>
      <c r="L57" s="3" t="s">
        <v>159</v>
      </c>
      <c r="M57" s="3" t="s">
        <v>156</v>
      </c>
      <c r="N57" s="3" t="s">
        <v>155</v>
      </c>
      <c r="O57" s="4">
        <v>95</v>
      </c>
    </row>
    <row r="58" spans="1:15" x14ac:dyDescent="0.4">
      <c r="A58" s="3" t="s">
        <v>177</v>
      </c>
      <c r="B58" s="3">
        <v>528</v>
      </c>
      <c r="C58" s="3" t="s">
        <v>203</v>
      </c>
      <c r="D58" s="3" t="s">
        <v>210</v>
      </c>
      <c r="E58" s="3" t="s">
        <v>13</v>
      </c>
      <c r="F58" s="3" t="s">
        <v>13</v>
      </c>
      <c r="G58" s="3" t="s">
        <v>13</v>
      </c>
      <c r="H58" s="3" t="s">
        <v>13</v>
      </c>
      <c r="I58" s="3" t="s">
        <v>13</v>
      </c>
      <c r="J58" s="3" t="s">
        <v>13</v>
      </c>
      <c r="K58" s="3" t="s">
        <v>13</v>
      </c>
      <c r="L58" s="3" t="s">
        <v>262</v>
      </c>
      <c r="M58" s="3" t="s">
        <v>178</v>
      </c>
      <c r="N58" s="3" t="s">
        <v>263</v>
      </c>
      <c r="O58" s="4">
        <v>95</v>
      </c>
    </row>
  </sheetData>
  <sortState ref="A2:P59">
    <sortCondition ref="B1"/>
  </sortState>
  <phoneticPr fontId="18"/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imanepref_camp20181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加藤　厚恵</dc:creator>
  <cp:lastModifiedBy>s00150</cp:lastModifiedBy>
  <dcterms:created xsi:type="dcterms:W3CDTF">2018-11-20T04:17:06Z</dcterms:created>
  <dcterms:modified xsi:type="dcterms:W3CDTF">2018-12-10T06:29:23Z</dcterms:modified>
</cp:coreProperties>
</file>